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ieuwkoop/"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ED99DEE9-7247-D378-7D2D-3D5FBBAA7D3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0283" y="4574925"/>
            <a:ext cx="2395714"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1057E9A6-4807-0A8F-2E06-8DF5D28BE01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7942" y="3847785"/>
            <a:ext cx="1665386"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28T14:53:04Z</dcterms:modified>
</cp:coreProperties>
</file>